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3"/>
  </p:sldMasterIdLst>
  <p:notesMasterIdLst>
    <p:notesMasterId r:id="rId5"/>
  </p:notesMasterIdLst>
  <p:sldIdLst>
    <p:sldId id="263" r:id="rId4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24" d="100"/>
          <a:sy n="124" d="100"/>
        </p:scale>
        <p:origin x="365" y="10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Master" Target="slideMasters/slideMaster1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1.xml"/><Relationship Id="rId9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B87EF4B-5348-4171-BE5D-22E9D2F04E58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737DEDB-0984-4F69-B7FF-E09ACD81FB71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1168670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2B0507B-53A2-554C-AE98-86FCF7152BA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252638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867434F-FB48-417B-97B6-82CF5542331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D0411914-2D8C-461F-9E34-1D2D2A1AEFD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7FBC8E2-3E04-4840-8221-3ADB25444A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2B9955-CEF3-48F7-8E99-D0DC486B7F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CF3E759-A416-42C0-ABC1-84B0167DFB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6655298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7022855-4011-4521-B96F-DA2DF3CCBC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962D254A-613A-47E5-BC91-A10AAE3C830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7665CBE-C359-4058-AE33-FF2D7FBA4B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4F6D69E-7073-404D-8B88-BAAB7CC839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31FCD184-EFDE-41D9-887A-E7EC8D80F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499927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>
            <a:extLst>
              <a:ext uri="{FF2B5EF4-FFF2-40B4-BE49-F238E27FC236}">
                <a16:creationId xmlns:a16="http://schemas.microsoft.com/office/drawing/2014/main" id="{C68E3C56-1C3A-488A-9485-93549E16F41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B81FF3C2-470E-4AFD-B103-AC44AD7243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BECFA39-130B-4A94-B236-68146112A6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D740025-CC62-4DE9-9E9B-977236C9BC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B38192B-2F85-4937-9164-09FFF7F3C2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6307012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848581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4147228-BC17-4E9E-9F81-89A5502D86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9978532-E807-498A-9A58-CABC9DD36E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D47B413-CB88-46CB-B4B5-5944A43698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34D410F-1565-456E-AFC1-79B27AA1AF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51D6F6F-A313-4C30-9F37-A294C92FBB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735070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8AA45D6-C1A8-4FC5-9D51-97FB14C583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B402B3D3-AEC1-4FC6-9C46-70E490AB43D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33A3F37-8B67-4789-A722-195B858D78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EDBF4919-7C8B-482A-87C1-5CB9F1A68F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707BD29D-2C71-46DB-8BB2-01D3036375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923700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B6531BB-81AB-43DA-B5BB-8315E853AE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A6F54C0-531E-43E7-B252-2D8524BDD4E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89CF45D-C649-402A-A0E9-B2DF7A73D83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75E5234-6CAA-416B-9D69-FF7AC5BCDB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ADEBBB8-93B0-4A1A-A4C7-BA193E187C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625B9AE-D794-439E-A020-8B92768CE3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96574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4539C72-D8E1-4EA5-AE22-109EA90F7E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D851DF7-1616-49BC-AD33-344A04AE5B5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C3CC02CC-4BBB-4CD7-B42C-5E008779CC1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0668BC3-F48F-43D4-A98C-33C3B2A8928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CC6777F5-899D-4D10-908D-48B1B710D6D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114F6076-89E0-420B-B7F9-40757470EA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8" name="Pladsholder til sidefod 7">
            <a:extLst>
              <a:ext uri="{FF2B5EF4-FFF2-40B4-BE49-F238E27FC236}">
                <a16:creationId xmlns:a16="http://schemas.microsoft.com/office/drawing/2014/main" id="{ECE9BC39-D271-4A4E-9781-7AEE5125D9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7D2BC2E1-3B6C-4C53-90D3-4F9F0DD9C4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9261914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EEAE37-1862-4837-A0D3-EC0B499DD1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211525A5-06D4-4C84-B5FE-49ABBAE85E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B8DA1D26-D194-43A1-893E-BA6AF5F6C2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7131CC1-CAFF-4280-AF0F-21EF3968C4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41943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BAF1681C-70D4-4EA5-8FE1-E354DEA435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43E32D7C-9F39-4C91-A13D-698EC4DFF4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C15A68C0-BDAE-40D4-839B-D008AAF6C4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138887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33FA923-35B7-47CB-8798-0FBB89E0C9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59AE9D1-071D-482B-B44F-EC214C5484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5DAB73C-FD69-4AA8-A3B5-3DAC551710F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11F523CF-520B-44ED-BFA7-37357FDBE3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E054302-4B1D-400C-A1BF-C192B091D1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6C08F028-6AEB-434C-BE20-BDBB43D611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5400717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4FF240B-F27C-4458-8A39-3EB18D6CC5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billede 2">
            <a:extLst>
              <a:ext uri="{FF2B5EF4-FFF2-40B4-BE49-F238E27FC236}">
                <a16:creationId xmlns:a16="http://schemas.microsoft.com/office/drawing/2014/main" id="{EF5C5315-017D-4F90-AF1D-4B1825EB254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F6883DDB-7768-4E3D-99D7-3B13106CB4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59BC0EB8-B88F-4166-BFE0-F773B163C3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16C2A4A-9F56-470C-95A7-1E0C5405BF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1CB858C-6DDD-4AB3-B608-A7A3506E99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660136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>
            <a:extLst>
              <a:ext uri="{FF2B5EF4-FFF2-40B4-BE49-F238E27FC236}">
                <a16:creationId xmlns:a16="http://schemas.microsoft.com/office/drawing/2014/main" id="{49437DE3-5115-48DB-BE0D-333B9AFAEE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CC5FC40B-386C-451A-93F9-33CAD93894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E50D18B-AFC8-4FE5-9306-B481F11AFDE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0075705-11EF-4977-966E-FE658CC4FDD3}" type="datetimeFigureOut">
              <a:rPr lang="da-DK" smtClean="0"/>
              <a:t>25-03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99CF27D-E07C-47C4-B35D-32BB7429322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2DA5CF6-4628-4913-B3D6-6E03C6B2162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C1ADCBF-3E76-44FE-9640-80249B403B7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867880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2.xml"/><Relationship Id="rId6" Type="http://schemas.openxmlformats.org/officeDocument/2006/relationships/image" Target="../media/image1.emf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" name="Rectangle 96">
            <a:extLst>
              <a:ext uri="{FF2B5EF4-FFF2-40B4-BE49-F238E27FC236}">
                <a16:creationId xmlns:a16="http://schemas.microsoft.com/office/drawing/2014/main" id="{C7A37F7B-56D4-4D29-8373-7A1A404BEBE4}"/>
              </a:ext>
            </a:extLst>
          </p:cNvPr>
          <p:cNvSpPr/>
          <p:nvPr/>
        </p:nvSpPr>
        <p:spPr>
          <a:xfrm>
            <a:off x="32059" y="5512"/>
            <a:ext cx="12188826" cy="685248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15" dirty="0" err="1"/>
          </a:p>
        </p:txBody>
      </p:sp>
      <p:pic>
        <p:nvPicPr>
          <p:cNvPr id="98" name="Picture 10">
            <a:extLst>
              <a:ext uri="{FF2B5EF4-FFF2-40B4-BE49-F238E27FC236}">
                <a16:creationId xmlns:a16="http://schemas.microsoft.com/office/drawing/2014/main" id="{CCEA89E4-C250-490A-9E7D-67A85005EBA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2059" y="69508"/>
            <a:ext cx="1813011" cy="1032197"/>
          </a:xfrm>
          <a:prstGeom prst="rect">
            <a:avLst/>
          </a:prstGeom>
        </p:spPr>
      </p:pic>
      <p:sp>
        <p:nvSpPr>
          <p:cNvPr id="50" name="Rectangle 49">
            <a:extLst>
              <a:ext uri="{FF2B5EF4-FFF2-40B4-BE49-F238E27FC236}">
                <a16:creationId xmlns:a16="http://schemas.microsoft.com/office/drawing/2014/main" id="{43E6B754-7F0F-4EE8-81A1-21182AA343B5}"/>
              </a:ext>
            </a:extLst>
          </p:cNvPr>
          <p:cNvSpPr/>
          <p:nvPr/>
        </p:nvSpPr>
        <p:spPr>
          <a:xfrm>
            <a:off x="4583884" y="611181"/>
            <a:ext cx="3024224" cy="342834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bIns="198060" rtlCol="0" anchor="ctr" anchorCtr="0"/>
          <a:lstStyle/>
          <a:p>
            <a:pPr algn="ctr">
              <a:lnSpc>
                <a:spcPct val="200000"/>
              </a:lnSpc>
            </a:pPr>
            <a:r>
              <a:rPr lang="da-DK" sz="148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Repræsentantskab</a:t>
            </a:r>
          </a:p>
        </p:txBody>
      </p:sp>
      <p:sp>
        <p:nvSpPr>
          <p:cNvPr id="51" name="Rectangle 50">
            <a:extLst>
              <a:ext uri="{FF2B5EF4-FFF2-40B4-BE49-F238E27FC236}">
                <a16:creationId xmlns:a16="http://schemas.microsoft.com/office/drawing/2014/main" id="{559F0EBE-1A88-475B-8D74-4CFABAC452F4}"/>
              </a:ext>
            </a:extLst>
          </p:cNvPr>
          <p:cNvSpPr/>
          <p:nvPr/>
        </p:nvSpPr>
        <p:spPr>
          <a:xfrm>
            <a:off x="4583888" y="1012472"/>
            <a:ext cx="3024224" cy="342834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bIns="198060" rtlCol="0" anchor="ctr" anchorCtr="0"/>
          <a:lstStyle/>
          <a:p>
            <a:pPr algn="ctr">
              <a:lnSpc>
                <a:spcPct val="200000"/>
              </a:lnSpc>
            </a:pPr>
            <a:r>
              <a:rPr lang="da-DK" sz="148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estyrelse</a:t>
            </a:r>
          </a:p>
        </p:txBody>
      </p:sp>
      <p:sp>
        <p:nvSpPr>
          <p:cNvPr id="55" name="Rectangle 54">
            <a:extLst>
              <a:ext uri="{FF2B5EF4-FFF2-40B4-BE49-F238E27FC236}">
                <a16:creationId xmlns:a16="http://schemas.microsoft.com/office/drawing/2014/main" id="{4CD98476-A5DA-4C24-ABC2-9F75BD7BBCF8}"/>
              </a:ext>
            </a:extLst>
          </p:cNvPr>
          <p:cNvSpPr/>
          <p:nvPr/>
        </p:nvSpPr>
        <p:spPr>
          <a:xfrm>
            <a:off x="377233" y="1413464"/>
            <a:ext cx="11352258" cy="668187"/>
          </a:xfrm>
          <a:prstGeom prst="rect">
            <a:avLst/>
          </a:prstGeom>
          <a:solidFill>
            <a:srgbClr val="ED1A3B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bIns="198060" rtlCol="0" anchor="t" anchorCtr="0"/>
          <a:lstStyle/>
          <a:p>
            <a:pPr algn="ctr">
              <a:lnSpc>
                <a:spcPct val="150000"/>
              </a:lnSpc>
            </a:pPr>
            <a:r>
              <a:rPr lang="da-DK" sz="148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Teknologisk Institut</a:t>
            </a:r>
          </a:p>
          <a:p>
            <a:pPr algn="ctr">
              <a:lnSpc>
                <a:spcPct val="150000"/>
              </a:lnSpc>
            </a:pPr>
            <a:r>
              <a:rPr lang="da-DK" sz="1058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dm. direktør Juan Farré</a:t>
            </a:r>
          </a:p>
          <a:p>
            <a:pPr algn="ctr">
              <a:lnSpc>
                <a:spcPct val="150000"/>
              </a:lnSpc>
            </a:pPr>
            <a:endParaRPr lang="da-DK" sz="1481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F6DC0E4B-AE8B-4C4F-BD14-580426C02F22}"/>
              </a:ext>
            </a:extLst>
          </p:cNvPr>
          <p:cNvSpPr/>
          <p:nvPr/>
        </p:nvSpPr>
        <p:spPr>
          <a:xfrm>
            <a:off x="377234" y="2567954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da-DK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groTech</a:t>
            </a: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52267844-38C2-4303-8187-37E8F001BD11}"/>
              </a:ext>
            </a:extLst>
          </p:cNvPr>
          <p:cNvSpPr/>
          <p:nvPr/>
        </p:nvSpPr>
        <p:spPr>
          <a:xfrm>
            <a:off x="377234" y="3105841"/>
            <a:ext cx="1333096" cy="39997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0" bIns="0" rtlCol="0" anchor="b" anchorCtr="0"/>
          <a:lstStyle/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irektør</a:t>
            </a:r>
          </a:p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ikael Poulsen</a:t>
            </a:r>
          </a:p>
        </p:txBody>
      </p:sp>
      <p:sp>
        <p:nvSpPr>
          <p:cNvPr id="59" name="Rectangle 58">
            <a:extLst>
              <a:ext uri="{FF2B5EF4-FFF2-40B4-BE49-F238E27FC236}">
                <a16:creationId xmlns:a16="http://schemas.microsoft.com/office/drawing/2014/main" id="{815CFF7D-D850-4386-8F2F-3D80E2BAB3E4}"/>
              </a:ext>
            </a:extLst>
          </p:cNvPr>
          <p:cNvSpPr/>
          <p:nvPr/>
        </p:nvSpPr>
        <p:spPr>
          <a:xfrm>
            <a:off x="377234" y="3538683"/>
            <a:ext cx="1333096" cy="36278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da-DK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60" name="Rectangle 59">
            <a:extLst>
              <a:ext uri="{FF2B5EF4-FFF2-40B4-BE49-F238E27FC236}">
                <a16:creationId xmlns:a16="http://schemas.microsoft.com/office/drawing/2014/main" id="{0E173B03-5B1E-4C55-841B-14FAF77D6F94}"/>
              </a:ext>
            </a:extLst>
          </p:cNvPr>
          <p:cNvSpPr/>
          <p:nvPr/>
        </p:nvSpPr>
        <p:spPr>
          <a:xfrm>
            <a:off x="377234" y="3643891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ioressourcer og Bioraffinering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Fødevareteknologi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arkteknologi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lanteteknologi</a:t>
            </a:r>
          </a:p>
          <a:p>
            <a:pPr>
              <a:spcAft>
                <a:spcPts val="846"/>
              </a:spcAft>
            </a:pPr>
            <a:endParaRPr lang="da-DK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D7AD5199-CFBB-4E0B-8F24-A36F83FD8339}"/>
              </a:ext>
            </a:extLst>
          </p:cNvPr>
          <p:cNvSpPr/>
          <p:nvPr/>
        </p:nvSpPr>
        <p:spPr>
          <a:xfrm>
            <a:off x="1807775" y="2567954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76177" tIns="76177" rIns="76177" bIns="49515" rtlCol="0" anchor="t" anchorCtr="0"/>
          <a:lstStyle/>
          <a:p>
            <a:pPr algn="ctr"/>
            <a:r>
              <a:rPr lang="da-DK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yggeri og Anlæg</a:t>
            </a:r>
          </a:p>
          <a:p>
            <a:pPr algn="ctr"/>
            <a:endParaRPr lang="da-DK" sz="1058" b="1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62" name="Rectangle 61">
            <a:extLst>
              <a:ext uri="{FF2B5EF4-FFF2-40B4-BE49-F238E27FC236}">
                <a16:creationId xmlns:a16="http://schemas.microsoft.com/office/drawing/2014/main" id="{36830E06-CE50-46ED-848C-FB2E6E58553E}"/>
              </a:ext>
            </a:extLst>
          </p:cNvPr>
          <p:cNvSpPr/>
          <p:nvPr/>
        </p:nvSpPr>
        <p:spPr>
          <a:xfrm>
            <a:off x="1807775" y="3105841"/>
            <a:ext cx="1333096" cy="39997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0" bIns="0" rtlCol="0" anchor="b" anchorCtr="0"/>
          <a:lstStyle/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irektør</a:t>
            </a:r>
          </a:p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ette Glavind</a:t>
            </a:r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id="{D82B965D-1244-413A-9119-57D0405E7CFA}"/>
              </a:ext>
            </a:extLst>
          </p:cNvPr>
          <p:cNvSpPr/>
          <p:nvPr/>
        </p:nvSpPr>
        <p:spPr>
          <a:xfrm>
            <a:off x="1807775" y="3538683"/>
            <a:ext cx="1333096" cy="36278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da-DK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219B3E6A-05E7-4C87-AC4D-52F5CDE07958}"/>
              </a:ext>
            </a:extLst>
          </p:cNvPr>
          <p:cNvSpPr/>
          <p:nvPr/>
        </p:nvSpPr>
        <p:spPr>
          <a:xfrm>
            <a:off x="1807775" y="3643890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eton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ygninger og Miljø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urværk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Træ og Biomaterialer</a:t>
            </a:r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8EB3961D-EBA0-4A6A-A48D-D7FBC0989E5F}"/>
              </a:ext>
            </a:extLst>
          </p:cNvPr>
          <p:cNvSpPr/>
          <p:nvPr/>
        </p:nvSpPr>
        <p:spPr>
          <a:xfrm>
            <a:off x="3238317" y="2567954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da-DK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MRI</a:t>
            </a: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0EBDD3CF-58CF-487D-93C1-C16D6E8856FA}"/>
              </a:ext>
            </a:extLst>
          </p:cNvPr>
          <p:cNvSpPr/>
          <p:nvPr/>
        </p:nvSpPr>
        <p:spPr>
          <a:xfrm>
            <a:off x="3238317" y="3105841"/>
            <a:ext cx="1333096" cy="39997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irektør</a:t>
            </a:r>
          </a:p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Lars Hinrichsen</a:t>
            </a: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B7D994B8-85FD-4F02-980A-0CE7EBEF8A5F}"/>
              </a:ext>
            </a:extLst>
          </p:cNvPr>
          <p:cNvSpPr/>
          <p:nvPr/>
        </p:nvSpPr>
        <p:spPr>
          <a:xfrm>
            <a:off x="3238318" y="3538683"/>
            <a:ext cx="1333096" cy="36278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da-DK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0570166D-0725-40E2-A000-689E9B065815}"/>
              </a:ext>
            </a:extLst>
          </p:cNvPr>
          <p:cNvSpPr/>
          <p:nvPr/>
        </p:nvSpPr>
        <p:spPr>
          <a:xfrm>
            <a:off x="3238317" y="3643891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utomatisering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æredygtighed og Digitalisering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Forretningsudvikling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Fødevaresikkerhed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Kødteknologi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rocess Design &amp; Operations</a:t>
            </a: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6605E432-FA95-4840-9C72-C19BDCE7FC3F}"/>
              </a:ext>
            </a:extLst>
          </p:cNvPr>
          <p:cNvSpPr/>
          <p:nvPr/>
        </p:nvSpPr>
        <p:spPr>
          <a:xfrm>
            <a:off x="6099631" y="2567954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da-DK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iljøteknologi</a:t>
            </a:r>
          </a:p>
        </p:txBody>
      </p:sp>
      <p:sp>
        <p:nvSpPr>
          <p:cNvPr id="72" name="Rectangle 71">
            <a:extLst>
              <a:ext uri="{FF2B5EF4-FFF2-40B4-BE49-F238E27FC236}">
                <a16:creationId xmlns:a16="http://schemas.microsoft.com/office/drawing/2014/main" id="{E07D96CC-C53C-4FCB-B6D7-ECFED4471EEF}"/>
              </a:ext>
            </a:extLst>
          </p:cNvPr>
          <p:cNvSpPr/>
          <p:nvPr/>
        </p:nvSpPr>
        <p:spPr>
          <a:xfrm>
            <a:off x="6099631" y="3115725"/>
            <a:ext cx="1333096" cy="3900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irektør</a:t>
            </a:r>
          </a:p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Sune D. Nygaard</a:t>
            </a: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F2AE9CF6-4BE2-4F3A-92BF-1B924FA7105F}"/>
              </a:ext>
            </a:extLst>
          </p:cNvPr>
          <p:cNvSpPr/>
          <p:nvPr/>
        </p:nvSpPr>
        <p:spPr>
          <a:xfrm>
            <a:off x="6099629" y="3538683"/>
            <a:ext cx="1333096" cy="38088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da-DK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5BC446C6-9346-4157-9056-14BBCEBC26AD}"/>
              </a:ext>
            </a:extLst>
          </p:cNvPr>
          <p:cNvSpPr/>
          <p:nvPr/>
        </p:nvSpPr>
        <p:spPr>
          <a:xfrm>
            <a:off x="6099631" y="3643890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Kemisk og  Mikrobiologisk Laboratorium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Luft og Sensorteknologi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rodukt og Materialekemi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Vand og Bioteknologi </a:t>
            </a:r>
          </a:p>
          <a:p>
            <a:pPr>
              <a:spcAft>
                <a:spcPts val="846"/>
              </a:spcAft>
            </a:pPr>
            <a:endParaRPr lang="da-DK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77" name="Rectangle 76">
            <a:extLst>
              <a:ext uri="{FF2B5EF4-FFF2-40B4-BE49-F238E27FC236}">
                <a16:creationId xmlns:a16="http://schemas.microsoft.com/office/drawing/2014/main" id="{0C80E12C-7A16-46AC-9F55-3896B2B8C603}"/>
              </a:ext>
            </a:extLst>
          </p:cNvPr>
          <p:cNvSpPr/>
          <p:nvPr/>
        </p:nvSpPr>
        <p:spPr>
          <a:xfrm>
            <a:off x="7535143" y="2574147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da-DK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aterialer</a:t>
            </a:r>
          </a:p>
        </p:txBody>
      </p:sp>
      <p:sp>
        <p:nvSpPr>
          <p:cNvPr id="78" name="Rectangle 77">
            <a:extLst>
              <a:ext uri="{FF2B5EF4-FFF2-40B4-BE49-F238E27FC236}">
                <a16:creationId xmlns:a16="http://schemas.microsoft.com/office/drawing/2014/main" id="{F4B710A0-B1DF-48BA-9354-9272D6B1EBE4}"/>
              </a:ext>
            </a:extLst>
          </p:cNvPr>
          <p:cNvSpPr/>
          <p:nvPr/>
        </p:nvSpPr>
        <p:spPr>
          <a:xfrm>
            <a:off x="7535143" y="3643890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ig Science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Industriel Materiale- teknologi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Industriel 3D-print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last og Emballage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Tribologi</a:t>
            </a:r>
          </a:p>
        </p:txBody>
      </p:sp>
      <p:sp>
        <p:nvSpPr>
          <p:cNvPr id="79" name="Rectangle 78">
            <a:extLst>
              <a:ext uri="{FF2B5EF4-FFF2-40B4-BE49-F238E27FC236}">
                <a16:creationId xmlns:a16="http://schemas.microsoft.com/office/drawing/2014/main" id="{CAAF7C29-D446-4A98-AC77-53C66133994D}"/>
              </a:ext>
            </a:extLst>
          </p:cNvPr>
          <p:cNvSpPr/>
          <p:nvPr/>
        </p:nvSpPr>
        <p:spPr>
          <a:xfrm>
            <a:off x="10396395" y="3030131"/>
            <a:ext cx="1333096" cy="39997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endParaRPr lang="da-DK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80" name="Rectangle 79">
            <a:extLst>
              <a:ext uri="{FF2B5EF4-FFF2-40B4-BE49-F238E27FC236}">
                <a16:creationId xmlns:a16="http://schemas.microsoft.com/office/drawing/2014/main" id="{6A62DE97-4F21-4092-8F83-0326EA31A0ED}"/>
              </a:ext>
            </a:extLst>
          </p:cNvPr>
          <p:cNvSpPr/>
          <p:nvPr/>
        </p:nvSpPr>
        <p:spPr>
          <a:xfrm>
            <a:off x="10401254" y="3538682"/>
            <a:ext cx="1333096" cy="36278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da-DK" sz="2015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81" name="Rectangle 80">
            <a:extLst>
              <a:ext uri="{FF2B5EF4-FFF2-40B4-BE49-F238E27FC236}">
                <a16:creationId xmlns:a16="http://schemas.microsoft.com/office/drawing/2014/main" id="{C5C06ACC-3A14-4342-AE86-978229B1317C}"/>
              </a:ext>
            </a:extLst>
          </p:cNvPr>
          <p:cNvSpPr/>
          <p:nvPr/>
        </p:nvSpPr>
        <p:spPr>
          <a:xfrm>
            <a:off x="4668973" y="2567954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da-DK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nergi og Klima</a:t>
            </a:r>
          </a:p>
        </p:txBody>
      </p:sp>
      <p:sp>
        <p:nvSpPr>
          <p:cNvPr id="82" name="Rectangle 81">
            <a:extLst>
              <a:ext uri="{FF2B5EF4-FFF2-40B4-BE49-F238E27FC236}">
                <a16:creationId xmlns:a16="http://schemas.microsoft.com/office/drawing/2014/main" id="{E8B8BDEF-5F48-477E-A419-7C3D8C1756B1}"/>
              </a:ext>
            </a:extLst>
          </p:cNvPr>
          <p:cNvSpPr/>
          <p:nvPr/>
        </p:nvSpPr>
        <p:spPr>
          <a:xfrm>
            <a:off x="4668973" y="3105841"/>
            <a:ext cx="1333096" cy="39997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0" bIns="0" rtlCol="0" anchor="b" anchorCtr="0"/>
          <a:lstStyle/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irektør</a:t>
            </a:r>
          </a:p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vid  Tveit</a:t>
            </a:r>
          </a:p>
        </p:txBody>
      </p:sp>
      <p:sp>
        <p:nvSpPr>
          <p:cNvPr id="83" name="Rectangle 82">
            <a:extLst>
              <a:ext uri="{FF2B5EF4-FFF2-40B4-BE49-F238E27FC236}">
                <a16:creationId xmlns:a16="http://schemas.microsoft.com/office/drawing/2014/main" id="{4FA12D06-8EE3-4321-B3AD-0A209FBD713D}"/>
              </a:ext>
            </a:extLst>
          </p:cNvPr>
          <p:cNvSpPr/>
          <p:nvPr/>
        </p:nvSpPr>
        <p:spPr>
          <a:xfrm>
            <a:off x="4668974" y="3538683"/>
            <a:ext cx="1066477" cy="36278"/>
          </a:xfrm>
          <a:prstGeom prst="rect">
            <a:avLst/>
          </a:prstGeom>
          <a:solidFill>
            <a:srgbClr val="1C2C2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da-DK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 useBgFill="1">
        <p:nvSpPr>
          <p:cNvPr id="84" name="Rectangle 83">
            <a:extLst>
              <a:ext uri="{FF2B5EF4-FFF2-40B4-BE49-F238E27FC236}">
                <a16:creationId xmlns:a16="http://schemas.microsoft.com/office/drawing/2014/main" id="{913E2BEB-F257-406E-BB4E-66956005E5C2}"/>
              </a:ext>
            </a:extLst>
          </p:cNvPr>
          <p:cNvSpPr/>
          <p:nvPr/>
        </p:nvSpPr>
        <p:spPr>
          <a:xfrm>
            <a:off x="4668973" y="3643891"/>
            <a:ext cx="1333096" cy="2314299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utomobilteknik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nergieffektivise-ring og Ventilation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Installation og Kalibrering 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Køle- og Varme-pumpeteknik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Rørcentret 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Transport og Elektriske systemer</a:t>
            </a:r>
          </a:p>
        </p:txBody>
      </p:sp>
      <p:sp>
        <p:nvSpPr>
          <p:cNvPr id="85" name="Rectangle 84">
            <a:extLst>
              <a:ext uri="{FF2B5EF4-FFF2-40B4-BE49-F238E27FC236}">
                <a16:creationId xmlns:a16="http://schemas.microsoft.com/office/drawing/2014/main" id="{A105526C-0AFB-4BC1-B258-79B0DFF849D9}"/>
              </a:ext>
            </a:extLst>
          </p:cNvPr>
          <p:cNvSpPr/>
          <p:nvPr/>
        </p:nvSpPr>
        <p:spPr>
          <a:xfrm>
            <a:off x="4668973" y="3538683"/>
            <a:ext cx="1333096" cy="36278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da-DK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7C7FFB6C-52FD-4F98-9462-72B9EDCD80BD}"/>
              </a:ext>
            </a:extLst>
          </p:cNvPr>
          <p:cNvSpPr/>
          <p:nvPr/>
        </p:nvSpPr>
        <p:spPr>
          <a:xfrm>
            <a:off x="10396005" y="2564873"/>
            <a:ext cx="1333096" cy="48235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da-DK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tterselskaber</a:t>
            </a: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5FA02D1E-8B39-4D54-B489-0732B8C18892}"/>
              </a:ext>
            </a:extLst>
          </p:cNvPr>
          <p:cNvSpPr/>
          <p:nvPr/>
        </p:nvSpPr>
        <p:spPr>
          <a:xfrm>
            <a:off x="10396005" y="3643890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nfysik A/S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Teknologisk Innovation A/S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ncert A/S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nish Technological Institute Spain, S.L.</a:t>
            </a:r>
          </a:p>
          <a:p>
            <a:pPr>
              <a:spcAft>
                <a:spcPts val="846"/>
              </a:spcAft>
            </a:pPr>
            <a:endParaRPr lang="da-DK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88" name="Rectangle 87">
            <a:extLst>
              <a:ext uri="{FF2B5EF4-FFF2-40B4-BE49-F238E27FC236}">
                <a16:creationId xmlns:a16="http://schemas.microsoft.com/office/drawing/2014/main" id="{71712117-4514-401F-AD15-E417FA6898EE}"/>
              </a:ext>
            </a:extLst>
          </p:cNvPr>
          <p:cNvSpPr/>
          <p:nvPr/>
        </p:nvSpPr>
        <p:spPr>
          <a:xfrm>
            <a:off x="10396005" y="3047655"/>
            <a:ext cx="1333096" cy="38244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endParaRPr lang="da-DK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89" name="Rectangle 88">
            <a:extLst>
              <a:ext uri="{FF2B5EF4-FFF2-40B4-BE49-F238E27FC236}">
                <a16:creationId xmlns:a16="http://schemas.microsoft.com/office/drawing/2014/main" id="{5DBB5A2B-DC7F-4434-95D6-1BBE6E137A6E}"/>
              </a:ext>
            </a:extLst>
          </p:cNvPr>
          <p:cNvSpPr/>
          <p:nvPr/>
        </p:nvSpPr>
        <p:spPr>
          <a:xfrm>
            <a:off x="8965855" y="2562453"/>
            <a:ext cx="1347990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da-DK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roduktion og Innovation</a:t>
            </a:r>
          </a:p>
        </p:txBody>
      </p:sp>
      <p:sp>
        <p:nvSpPr>
          <p:cNvPr id="90" name="Rectangle 89">
            <a:extLst>
              <a:ext uri="{FF2B5EF4-FFF2-40B4-BE49-F238E27FC236}">
                <a16:creationId xmlns:a16="http://schemas.microsoft.com/office/drawing/2014/main" id="{2D5E432B-D36B-425F-9C0F-1E299611E4EC}"/>
              </a:ext>
            </a:extLst>
          </p:cNvPr>
          <p:cNvSpPr/>
          <p:nvPr/>
        </p:nvSpPr>
        <p:spPr>
          <a:xfrm>
            <a:off x="8965855" y="3134561"/>
            <a:ext cx="1333096" cy="3824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irektør </a:t>
            </a:r>
          </a:p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nne-Lise H. Lejre </a:t>
            </a:r>
          </a:p>
        </p:txBody>
      </p:sp>
      <p:sp>
        <p:nvSpPr>
          <p:cNvPr id="91" name="Rectangle 90">
            <a:extLst>
              <a:ext uri="{FF2B5EF4-FFF2-40B4-BE49-F238E27FC236}">
                <a16:creationId xmlns:a16="http://schemas.microsoft.com/office/drawing/2014/main" id="{AFB46DAB-F684-4567-9DFC-3E6643CDC1DE}"/>
              </a:ext>
            </a:extLst>
          </p:cNvPr>
          <p:cNvSpPr/>
          <p:nvPr/>
        </p:nvSpPr>
        <p:spPr>
          <a:xfrm>
            <a:off x="379129" y="2129100"/>
            <a:ext cx="11352755" cy="342834"/>
          </a:xfrm>
          <a:prstGeom prst="rect">
            <a:avLst/>
          </a:prstGeom>
          <a:solidFill>
            <a:srgbClr val="2553A4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bIns="198060" rtlCol="0" anchor="ctr" anchorCtr="0"/>
          <a:lstStyle/>
          <a:p>
            <a:pPr algn="ctr"/>
            <a:endParaRPr lang="da-DK" sz="1481" noProof="1">
              <a:solidFill>
                <a:schemeClr val="bg1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92" name="Rectangle 91">
            <a:extLst>
              <a:ext uri="{FF2B5EF4-FFF2-40B4-BE49-F238E27FC236}">
                <a16:creationId xmlns:a16="http://schemas.microsoft.com/office/drawing/2014/main" id="{F65803CA-D2D4-463C-A6DD-E4DA289B18C9}"/>
              </a:ext>
            </a:extLst>
          </p:cNvPr>
          <p:cNvSpPr/>
          <p:nvPr/>
        </p:nvSpPr>
        <p:spPr>
          <a:xfrm>
            <a:off x="586125" y="2201590"/>
            <a:ext cx="10932288" cy="25513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58" b="1" noProof="1">
                <a:solidFill>
                  <a:schemeClr val="bg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Stabsfunktioner: </a:t>
            </a:r>
            <a:r>
              <a:rPr lang="da-DK" sz="1058" noProof="1">
                <a:solidFill>
                  <a:schemeClr val="bg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ygningsservice, Direktionssekretariat, IT og Kommunikation, Personale og Udvikling, Økonomi , Internationalt Center, Forretningsudvikling</a:t>
            </a:r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id="{2270597E-DF4E-4344-997D-6A1DE0934F73}"/>
              </a:ext>
            </a:extLst>
          </p:cNvPr>
          <p:cNvSpPr/>
          <p:nvPr/>
        </p:nvSpPr>
        <p:spPr>
          <a:xfrm>
            <a:off x="8965855" y="3643890"/>
            <a:ext cx="1333096" cy="275691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nalyse og Erhvervsfremme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æredygtig Idéudvikling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Innovation og Digital transformation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åling og Kvalitet 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Nanoproduktion og Mikroanalyse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Robotteknologi</a:t>
            </a:r>
          </a:p>
          <a:p>
            <a:pPr>
              <a:spcAft>
                <a:spcPts val="846"/>
              </a:spcAft>
            </a:pPr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Uddannelse</a:t>
            </a:r>
          </a:p>
          <a:p>
            <a:pPr>
              <a:spcAft>
                <a:spcPts val="846"/>
              </a:spcAft>
            </a:pPr>
            <a:endParaRPr lang="da-DK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pPr>
              <a:spcAft>
                <a:spcPts val="846"/>
              </a:spcAft>
            </a:pPr>
            <a:endParaRPr lang="da-DK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94" name="Rectangle 93">
            <a:extLst>
              <a:ext uri="{FF2B5EF4-FFF2-40B4-BE49-F238E27FC236}">
                <a16:creationId xmlns:a16="http://schemas.microsoft.com/office/drawing/2014/main" id="{998CD942-1414-4BF8-A40C-958C7359461B}"/>
              </a:ext>
            </a:extLst>
          </p:cNvPr>
          <p:cNvSpPr/>
          <p:nvPr/>
        </p:nvSpPr>
        <p:spPr>
          <a:xfrm>
            <a:off x="7535143" y="3115725"/>
            <a:ext cx="1333096" cy="3900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irektør</a:t>
            </a:r>
          </a:p>
          <a:p>
            <a:r>
              <a:rPr lang="da-DK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ikkel Agerbæk</a:t>
            </a:r>
          </a:p>
        </p:txBody>
      </p:sp>
      <p:sp>
        <p:nvSpPr>
          <p:cNvPr id="95" name="Rectangle 94">
            <a:extLst>
              <a:ext uri="{FF2B5EF4-FFF2-40B4-BE49-F238E27FC236}">
                <a16:creationId xmlns:a16="http://schemas.microsoft.com/office/drawing/2014/main" id="{D24FDE8B-E566-472F-AA44-C316C4BEF4F9}"/>
              </a:ext>
            </a:extLst>
          </p:cNvPr>
          <p:cNvSpPr/>
          <p:nvPr/>
        </p:nvSpPr>
        <p:spPr>
          <a:xfrm>
            <a:off x="7568016" y="3538682"/>
            <a:ext cx="1333096" cy="36278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da-DK" sz="2015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AC689596-97B4-46E8-B058-F7BBF83BDFEF}"/>
              </a:ext>
            </a:extLst>
          </p:cNvPr>
          <p:cNvSpPr/>
          <p:nvPr/>
        </p:nvSpPr>
        <p:spPr>
          <a:xfrm>
            <a:off x="8994058" y="3538682"/>
            <a:ext cx="1333096" cy="36278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da-DK" sz="2015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06673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0306280099937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081976924174315","enableDocumentContentUpdater":true,"version":"1.3"}]]></TemplafySlideTemplateConfiguration>
</file>

<file path=customXml/item2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2F70BE8E-F378-4EB7-B6B3-A71C26545EA4}">
  <ds:schemaRefs/>
</ds:datastoreItem>
</file>

<file path=customXml/itemProps2.xml><?xml version="1.0" encoding="utf-8"?>
<ds:datastoreItem xmlns:ds="http://schemas.openxmlformats.org/officeDocument/2006/customXml" ds:itemID="{CF33E80D-66AF-47CE-B7F9-32D3B8471A30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9</TotalTime>
  <Words>172</Words>
  <Application>Microsoft Office PowerPoint</Application>
  <PresentationFormat>Widescreen</PresentationFormat>
  <Paragraphs>68</Paragraphs>
  <Slides>1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Open Sans Light</vt:lpstr>
      <vt:lpstr>Office-tema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Torben Jensen</dc:creator>
  <cp:lastModifiedBy>Torben Jensen</cp:lastModifiedBy>
  <cp:revision>12</cp:revision>
  <dcterms:created xsi:type="dcterms:W3CDTF">2020-04-14T10:38:46Z</dcterms:created>
  <dcterms:modified xsi:type="dcterms:W3CDTF">2021-03-25T13:12:50Z</dcterms:modified>
</cp:coreProperties>
</file>